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103\00_課共用\（◎★★★★衆院選投開票データ）\02_公表用\03_国民審査\02_開票結果\9999\"/>
    </mc:Choice>
  </mc:AlternateContent>
  <xr:revisionPtr revIDLastSave="0" documentId="13_ncr:1_{069D8AC4-B2B1-4B4F-BD7E-E21361638326}" xr6:coauthVersionLast="47" xr6:coauthVersionMax="47" xr10:uidLastSave="{00000000-0000-0000-0000-000000000000}"/>
  <bookViews>
    <workbookView xWindow="-110" yWindow="-10910" windowWidth="19420" windowHeight="10300" xr2:uid="{00000000-000D-0000-FFFF-FFFF00000000}"/>
  </bookViews>
  <sheets>
    <sheet name="投票総数" sheetId="2" r:id="rId1"/>
  </sheets>
  <definedNames>
    <definedName name="_xlnm.Print_Area" localSheetId="0">投票総数!$A$1:$I$77</definedName>
    <definedName name="_xlnm.Print_Titles" localSheetId="0">投票総数!$1:$6</definedName>
  </definedNames>
  <calcPr calcId="191029"/>
</workbook>
</file>

<file path=xl/sharedStrings.xml><?xml version="1.0" encoding="utf-8"?>
<sst xmlns="http://schemas.openxmlformats.org/spreadsheetml/2006/main" count="83" uniqueCount="83">
  <si>
    <t>開票区名</t>
  </si>
  <si>
    <t>神奈川県選挙管理委員会</t>
  </si>
  <si>
    <t>持帰り
その他
（D）</t>
    <phoneticPr fontId="2"/>
  </si>
  <si>
    <t>投票者総数
［（C）＋（D）］</t>
    <phoneticPr fontId="2"/>
  </si>
  <si>
    <t>無効投票数
（B）</t>
    <phoneticPr fontId="2"/>
  </si>
  <si>
    <t>投票総数
［（A）＋（B）］
（C）</t>
    <phoneticPr fontId="2"/>
  </si>
  <si>
    <t>令和8年2月8日 施行</t>
    <phoneticPr fontId="2"/>
  </si>
  <si>
    <t>最高裁判所裁判官国民審査　開票結果（開票区別投票総数）</t>
    <phoneticPr fontId="2"/>
  </si>
  <si>
    <t>有効投票数
（A）</t>
    <rPh sb="0" eb="2">
      <t>ユウコウ</t>
    </rPh>
    <rPh sb="2" eb="4">
      <t>トウヒョウ</t>
    </rPh>
    <phoneticPr fontId="2"/>
  </si>
  <si>
    <t>無効投票率（％）
［（B） / （C） ×100］</t>
    <phoneticPr fontId="2"/>
  </si>
  <si>
    <t>横浜市</t>
    <phoneticPr fontId="2"/>
  </si>
  <si>
    <t>横浜市鶴見区</t>
    <phoneticPr fontId="2"/>
  </si>
  <si>
    <t>横浜市神奈川区</t>
    <phoneticPr fontId="2"/>
  </si>
  <si>
    <t>横浜市西区</t>
    <phoneticPr fontId="2"/>
  </si>
  <si>
    <t>横浜市中区</t>
    <phoneticPr fontId="2"/>
  </si>
  <si>
    <t>横浜市南区</t>
    <phoneticPr fontId="2"/>
  </si>
  <si>
    <t>横浜市保土ケ谷区</t>
    <phoneticPr fontId="2"/>
  </si>
  <si>
    <t>横浜市磯子区</t>
    <phoneticPr fontId="2"/>
  </si>
  <si>
    <t>横浜市金沢区</t>
    <phoneticPr fontId="2"/>
  </si>
  <si>
    <t>横浜市港北区</t>
    <phoneticPr fontId="2"/>
  </si>
  <si>
    <t>横浜市戸塚区</t>
    <phoneticPr fontId="2"/>
  </si>
  <si>
    <t>横浜市港南区</t>
    <phoneticPr fontId="2"/>
  </si>
  <si>
    <t>横浜市旭区</t>
    <phoneticPr fontId="2"/>
  </si>
  <si>
    <t>横浜市緑区</t>
    <phoneticPr fontId="2"/>
  </si>
  <si>
    <t>横浜市瀬谷区</t>
    <phoneticPr fontId="2"/>
  </si>
  <si>
    <t>横浜市栄区</t>
    <phoneticPr fontId="2"/>
  </si>
  <si>
    <t>横浜市泉区</t>
    <phoneticPr fontId="2"/>
  </si>
  <si>
    <t>横浜市青葉区</t>
    <phoneticPr fontId="2"/>
  </si>
  <si>
    <t>横浜市都筑区</t>
    <phoneticPr fontId="2"/>
  </si>
  <si>
    <t>川崎市</t>
    <phoneticPr fontId="2"/>
  </si>
  <si>
    <t>川崎市川崎区</t>
    <phoneticPr fontId="2"/>
  </si>
  <si>
    <t>川崎市幸区</t>
    <phoneticPr fontId="2"/>
  </si>
  <si>
    <t>川崎市中原区</t>
    <phoneticPr fontId="2"/>
  </si>
  <si>
    <t>川崎市高津区</t>
    <phoneticPr fontId="2"/>
  </si>
  <si>
    <t>川崎市多摩区</t>
    <phoneticPr fontId="2"/>
  </si>
  <si>
    <t>川崎市宮前区</t>
    <phoneticPr fontId="2"/>
  </si>
  <si>
    <t>川崎市麻生区</t>
    <phoneticPr fontId="2"/>
  </si>
  <si>
    <t>相模原市</t>
    <phoneticPr fontId="2"/>
  </si>
  <si>
    <t>相模原市緑区</t>
    <phoneticPr fontId="2"/>
  </si>
  <si>
    <t>相模原市中央区</t>
    <phoneticPr fontId="2"/>
  </si>
  <si>
    <t>相模原市南区</t>
    <phoneticPr fontId="2"/>
  </si>
  <si>
    <t>横須賀市</t>
    <phoneticPr fontId="2"/>
  </si>
  <si>
    <t>平塚市</t>
    <phoneticPr fontId="2"/>
  </si>
  <si>
    <t>鎌倉市</t>
    <phoneticPr fontId="2"/>
  </si>
  <si>
    <t>藤沢市</t>
    <phoneticPr fontId="2"/>
  </si>
  <si>
    <t>小田原市</t>
    <phoneticPr fontId="2"/>
  </si>
  <si>
    <t>茅ケ崎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伊勢原市</t>
    <phoneticPr fontId="2"/>
  </si>
  <si>
    <t>海老名市</t>
    <phoneticPr fontId="2"/>
  </si>
  <si>
    <t>座間市</t>
    <phoneticPr fontId="2"/>
  </si>
  <si>
    <t>南足柄市</t>
    <phoneticPr fontId="2"/>
  </si>
  <si>
    <t>綾瀬市</t>
    <phoneticPr fontId="2"/>
  </si>
  <si>
    <t>三浦郡</t>
    <phoneticPr fontId="2"/>
  </si>
  <si>
    <t>葉山町</t>
    <phoneticPr fontId="2"/>
  </si>
  <si>
    <t>高座郡</t>
    <phoneticPr fontId="2"/>
  </si>
  <si>
    <t>寒川町</t>
    <phoneticPr fontId="2"/>
  </si>
  <si>
    <t>中郡</t>
    <phoneticPr fontId="2"/>
  </si>
  <si>
    <t>大磯町</t>
    <phoneticPr fontId="2"/>
  </si>
  <si>
    <t>二宮町</t>
    <phoneticPr fontId="2"/>
  </si>
  <si>
    <t>足柄上郡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開成町</t>
    <phoneticPr fontId="2"/>
  </si>
  <si>
    <t>足柄下郡</t>
    <phoneticPr fontId="2"/>
  </si>
  <si>
    <t>箱根町</t>
    <phoneticPr fontId="2"/>
  </si>
  <si>
    <t>真鶴町</t>
    <phoneticPr fontId="2"/>
  </si>
  <si>
    <t>湯河原町</t>
    <phoneticPr fontId="2"/>
  </si>
  <si>
    <t>愛甲郡</t>
    <phoneticPr fontId="2"/>
  </si>
  <si>
    <t>愛川町</t>
    <phoneticPr fontId="2"/>
  </si>
  <si>
    <t>清川村</t>
    <phoneticPr fontId="2"/>
  </si>
  <si>
    <t>指定都市計</t>
    <phoneticPr fontId="2"/>
  </si>
  <si>
    <t>その他の市計</t>
    <phoneticPr fontId="2"/>
  </si>
  <si>
    <t>町村計</t>
    <phoneticPr fontId="2"/>
  </si>
  <si>
    <t>県計</t>
    <phoneticPr fontId="2"/>
  </si>
  <si>
    <t>2月9日 03時03分 現在 開票率 100.00%</t>
    <phoneticPr fontId="2"/>
  </si>
  <si>
    <t>確定(27:03 現在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\-#,##0;&quot;&quot;"/>
    <numFmt numFmtId="177" formatCode="#,##0.00;\-#,##0.00;&quot;&quot;"/>
  </numFmts>
  <fonts count="22" x14ac:knownFonts="1">
    <font>
      <sz val="11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name val="IPAmj明朝"/>
      <family val="1"/>
      <charset val="128"/>
    </font>
    <font>
      <sz val="14"/>
      <name val="IPAmj明朝"/>
      <family val="1"/>
      <charset val="128"/>
    </font>
    <font>
      <sz val="10"/>
      <name val="IPAmj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0"/>
      <name val="ＭＳ ゴシック"/>
      <family val="3"/>
      <charset val="128"/>
    </font>
    <font>
      <sz val="18"/>
      <color theme="3"/>
      <name val="ＭＳ Ｐゴシック"/>
      <family val="3"/>
      <charset val="128"/>
      <scheme val="major"/>
    </font>
    <font>
      <b/>
      <sz val="11"/>
      <color theme="0"/>
      <name val="ＭＳ ゴシック"/>
      <family val="3"/>
      <charset val="128"/>
    </font>
    <font>
      <sz val="11"/>
      <color rgb="FF9C6500"/>
      <name val="ＭＳ ゴシック"/>
      <family val="3"/>
      <charset val="128"/>
    </font>
    <font>
      <sz val="11"/>
      <color rgb="FFFA7D00"/>
      <name val="ＭＳ ゴシック"/>
      <family val="3"/>
      <charset val="128"/>
    </font>
    <font>
      <sz val="11"/>
      <color rgb="FF9C0006"/>
      <name val="ＭＳ ゴシック"/>
      <family val="3"/>
      <charset val="128"/>
    </font>
    <font>
      <b/>
      <sz val="11"/>
      <color rgb="FFFA7D00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b/>
      <sz val="15"/>
      <color theme="3"/>
      <name val="ＭＳ ゴシック"/>
      <family val="3"/>
      <charset val="128"/>
    </font>
    <font>
      <b/>
      <sz val="13"/>
      <color theme="3"/>
      <name val="ＭＳ ゴシック"/>
      <family val="3"/>
      <charset val="128"/>
    </font>
    <font>
      <b/>
      <sz val="11"/>
      <color theme="3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1"/>
      <color rgb="FF3F3F3F"/>
      <name val="ＭＳ ゴシック"/>
      <family val="3"/>
      <charset val="128"/>
    </font>
    <font>
      <i/>
      <sz val="11"/>
      <color rgb="FF7F7F7F"/>
      <name val="ＭＳ ゴシック"/>
      <family val="3"/>
      <charset val="128"/>
    </font>
    <font>
      <sz val="11"/>
      <color rgb="FF3F3F76"/>
      <name val="ＭＳ ゴシック"/>
      <family val="3"/>
      <charset val="128"/>
    </font>
    <font>
      <sz val="10"/>
      <color theme="1"/>
      <name val="IPAmj明朝"/>
      <family val="1"/>
      <charset val="128"/>
    </font>
  </fonts>
  <fills count="32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</fills>
  <borders count="35">
    <border>
      <left/>
      <right/>
      <top/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</borders>
  <cellStyleXfs count="43">
    <xf numFmtId="0" fontId="0" fillId="0" borderId="0">
      <alignment vertical="center"/>
    </xf>
    <xf numFmtId="0" fontId="5" fillId="2" borderId="0">
      <alignment vertical="center"/>
    </xf>
    <xf numFmtId="0" fontId="5" fillId="3" borderId="0">
      <alignment vertical="center"/>
    </xf>
    <xf numFmtId="0" fontId="5" fillId="4" borderId="0">
      <alignment vertical="center"/>
    </xf>
    <xf numFmtId="0" fontId="5" fillId="5" borderId="0">
      <alignment vertical="center"/>
    </xf>
    <xf numFmtId="0" fontId="5" fillId="6" borderId="0">
      <alignment vertical="center"/>
    </xf>
    <xf numFmtId="0" fontId="5" fillId="7" borderId="0">
      <alignment vertical="center"/>
    </xf>
    <xf numFmtId="0" fontId="5" fillId="8" borderId="0">
      <alignment vertical="center"/>
    </xf>
    <xf numFmtId="0" fontId="5" fillId="9" borderId="0">
      <alignment vertical="center"/>
    </xf>
    <xf numFmtId="0" fontId="5" fillId="10" borderId="0">
      <alignment vertical="center"/>
    </xf>
    <xf numFmtId="0" fontId="5" fillId="11" borderId="0">
      <alignment vertical="center"/>
    </xf>
    <xf numFmtId="0" fontId="5" fillId="12" borderId="0">
      <alignment vertical="center"/>
    </xf>
    <xf numFmtId="0" fontId="5" fillId="13" borderId="0">
      <alignment vertical="center"/>
    </xf>
    <xf numFmtId="0" fontId="6" fillId="14" borderId="0">
      <alignment vertical="center"/>
    </xf>
    <xf numFmtId="0" fontId="6" fillId="15" borderId="0">
      <alignment vertical="center"/>
    </xf>
    <xf numFmtId="0" fontId="6" fillId="16" borderId="0">
      <alignment vertical="center"/>
    </xf>
    <xf numFmtId="0" fontId="6" fillId="17" borderId="0">
      <alignment vertical="center"/>
    </xf>
    <xf numFmtId="0" fontId="6" fillId="18" borderId="0">
      <alignment vertical="center"/>
    </xf>
    <xf numFmtId="0" fontId="6" fillId="19" borderId="0">
      <alignment vertical="center"/>
    </xf>
    <xf numFmtId="0" fontId="6" fillId="20" borderId="0">
      <alignment vertical="center"/>
    </xf>
    <xf numFmtId="0" fontId="6" fillId="21" borderId="0">
      <alignment vertical="center"/>
    </xf>
    <xf numFmtId="0" fontId="6" fillId="22" borderId="0">
      <alignment vertical="center"/>
    </xf>
    <xf numFmtId="0" fontId="6" fillId="23" borderId="0">
      <alignment vertical="center"/>
    </xf>
    <xf numFmtId="0" fontId="6" fillId="24" borderId="0">
      <alignment vertical="center"/>
    </xf>
    <xf numFmtId="0" fontId="6" fillId="25" borderId="0">
      <alignment vertical="center"/>
    </xf>
    <xf numFmtId="0" fontId="7" fillId="0" borderId="0">
      <alignment vertical="center"/>
    </xf>
    <xf numFmtId="0" fontId="8" fillId="26" borderId="1">
      <alignment vertical="center"/>
    </xf>
    <xf numFmtId="0" fontId="9" fillId="27" borderId="0">
      <alignment vertical="center"/>
    </xf>
    <xf numFmtId="0" fontId="5" fillId="28" borderId="2">
      <alignment vertical="center"/>
    </xf>
    <xf numFmtId="0" fontId="10" fillId="0" borderId="3">
      <alignment vertical="center"/>
    </xf>
    <xf numFmtId="0" fontId="11" fillId="29" borderId="0">
      <alignment vertical="center"/>
    </xf>
    <xf numFmtId="0" fontId="12" fillId="30" borderId="4">
      <alignment vertical="center"/>
    </xf>
    <xf numFmtId="0" fontId="13" fillId="0" borderId="0">
      <alignment vertical="center"/>
    </xf>
    <xf numFmtId="0" fontId="14" fillId="0" borderId="5">
      <alignment vertical="center"/>
    </xf>
    <xf numFmtId="0" fontId="15" fillId="0" borderId="6">
      <alignment vertical="center"/>
    </xf>
    <xf numFmtId="0" fontId="16" fillId="0" borderId="7">
      <alignment vertical="center"/>
    </xf>
    <xf numFmtId="0" fontId="16" fillId="0" borderId="0">
      <alignment vertical="center"/>
    </xf>
    <xf numFmtId="0" fontId="17" fillId="0" borderId="8">
      <alignment vertical="center"/>
    </xf>
    <xf numFmtId="0" fontId="18" fillId="30" borderId="9">
      <alignment vertical="center"/>
    </xf>
    <xf numFmtId="0" fontId="19" fillId="0" borderId="0">
      <alignment vertical="center"/>
    </xf>
    <xf numFmtId="0" fontId="20" fillId="31" borderId="4">
      <alignment vertical="center"/>
    </xf>
    <xf numFmtId="0" fontId="1" fillId="0" borderId="0"/>
    <xf numFmtId="0" fontId="5" fillId="0" borderId="0">
      <alignment vertical="center"/>
    </xf>
  </cellStyleXfs>
  <cellXfs count="43">
    <xf numFmtId="0" fontId="0" fillId="0" borderId="0" xfId="0">
      <alignment vertical="center"/>
    </xf>
    <xf numFmtId="49" fontId="4" fillId="0" borderId="0" xfId="41" applyNumberFormat="1" applyFont="1" applyAlignment="1">
      <alignment vertical="center"/>
    </xf>
    <xf numFmtId="49" fontId="4" fillId="0" borderId="0" xfId="41" applyNumberFormat="1" applyFont="1" applyAlignment="1">
      <alignment horizontal="right" vertical="center"/>
    </xf>
    <xf numFmtId="49" fontId="2" fillId="0" borderId="0" xfId="41" applyNumberFormat="1" applyFont="1" applyAlignment="1">
      <alignment vertical="center"/>
    </xf>
    <xf numFmtId="49" fontId="4" fillId="0" borderId="0" xfId="41" quotePrefix="1" applyNumberFormat="1" applyFont="1" applyAlignment="1">
      <alignment horizontal="left" vertical="center"/>
    </xf>
    <xf numFmtId="49" fontId="21" fillId="0" borderId="13" xfId="0" applyNumberFormat="1" applyFont="1" applyBorder="1">
      <alignment vertical="center"/>
    </xf>
    <xf numFmtId="49" fontId="21" fillId="0" borderId="14" xfId="0" applyNumberFormat="1" applyFont="1" applyBorder="1" applyAlignment="1">
      <alignment horizontal="distributed" vertical="center"/>
    </xf>
    <xf numFmtId="176" fontId="21" fillId="0" borderId="15" xfId="0" applyNumberFormat="1" applyFont="1" applyBorder="1" applyAlignment="1">
      <alignment horizontal="right" vertical="center"/>
    </xf>
    <xf numFmtId="176" fontId="21" fillId="0" borderId="16" xfId="0" applyNumberFormat="1" applyFont="1" applyBorder="1" applyAlignment="1">
      <alignment horizontal="right" vertical="center"/>
    </xf>
    <xf numFmtId="176" fontId="21" fillId="0" borderId="17" xfId="0" applyNumberFormat="1" applyFont="1" applyBorder="1" applyAlignment="1">
      <alignment horizontal="right" vertical="center"/>
    </xf>
    <xf numFmtId="49" fontId="21" fillId="0" borderId="18" xfId="0" applyNumberFormat="1" applyFont="1" applyBorder="1">
      <alignment vertical="center"/>
    </xf>
    <xf numFmtId="49" fontId="21" fillId="0" borderId="19" xfId="0" applyNumberFormat="1" applyFont="1" applyBorder="1" applyAlignment="1">
      <alignment horizontal="distributed" vertical="center"/>
    </xf>
    <xf numFmtId="176" fontId="21" fillId="0" borderId="20" xfId="0" applyNumberFormat="1" applyFont="1" applyBorder="1" applyAlignment="1">
      <alignment horizontal="right" vertical="center"/>
    </xf>
    <xf numFmtId="176" fontId="21" fillId="0" borderId="21" xfId="0" applyNumberFormat="1" applyFont="1" applyBorder="1" applyAlignment="1">
      <alignment horizontal="right" vertical="center"/>
    </xf>
    <xf numFmtId="176" fontId="21" fillId="0" borderId="22" xfId="0" applyNumberFormat="1" applyFont="1" applyBorder="1" applyAlignment="1">
      <alignment horizontal="right" vertical="center"/>
    </xf>
    <xf numFmtId="176" fontId="21" fillId="0" borderId="25" xfId="0" applyNumberFormat="1" applyFont="1" applyBorder="1" applyAlignment="1">
      <alignment horizontal="right" vertical="center"/>
    </xf>
    <xf numFmtId="176" fontId="21" fillId="0" borderId="26" xfId="0" applyNumberFormat="1" applyFont="1" applyBorder="1" applyAlignment="1">
      <alignment horizontal="right" vertical="center"/>
    </xf>
    <xf numFmtId="176" fontId="21" fillId="0" borderId="27" xfId="0" applyNumberFormat="1" applyFont="1" applyBorder="1" applyAlignment="1">
      <alignment horizontal="right" vertical="center"/>
    </xf>
    <xf numFmtId="49" fontId="3" fillId="0" borderId="0" xfId="41" applyNumberFormat="1" applyFont="1" applyAlignment="1">
      <alignment vertical="center"/>
    </xf>
    <xf numFmtId="176" fontId="21" fillId="0" borderId="30" xfId="0" applyNumberFormat="1" applyFont="1" applyBorder="1" applyAlignment="1">
      <alignment horizontal="right" vertical="center"/>
    </xf>
    <xf numFmtId="176" fontId="21" fillId="0" borderId="31" xfId="0" applyNumberFormat="1" applyFont="1" applyBorder="1" applyAlignment="1">
      <alignment horizontal="right" vertical="center"/>
    </xf>
    <xf numFmtId="176" fontId="21" fillId="0" borderId="32" xfId="0" applyNumberFormat="1" applyFont="1" applyBorder="1" applyAlignment="1">
      <alignment horizontal="right" vertical="center"/>
    </xf>
    <xf numFmtId="177" fontId="21" fillId="0" borderId="16" xfId="0" applyNumberFormat="1" applyFont="1" applyBorder="1" applyAlignment="1">
      <alignment horizontal="right" vertical="center"/>
    </xf>
    <xf numFmtId="177" fontId="21" fillId="0" borderId="21" xfId="0" applyNumberFormat="1" applyFont="1" applyBorder="1" applyAlignment="1">
      <alignment horizontal="right" vertical="center"/>
    </xf>
    <xf numFmtId="177" fontId="21" fillId="0" borderId="26" xfId="0" applyNumberFormat="1" applyFont="1" applyBorder="1" applyAlignment="1">
      <alignment horizontal="right" vertical="center"/>
    </xf>
    <xf numFmtId="49" fontId="4" fillId="0" borderId="12" xfId="41" applyNumberFormat="1" applyFont="1" applyBorder="1" applyAlignment="1">
      <alignment horizontal="left" vertical="center" shrinkToFit="1"/>
    </xf>
    <xf numFmtId="49" fontId="4" fillId="0" borderId="10" xfId="41" applyNumberFormat="1" applyFont="1" applyBorder="1" applyAlignment="1">
      <alignment horizontal="center" vertical="center"/>
    </xf>
    <xf numFmtId="49" fontId="4" fillId="0" borderId="11" xfId="41" applyNumberFormat="1" applyFont="1" applyBorder="1" applyAlignment="1">
      <alignment horizontal="center" vertical="center"/>
    </xf>
    <xf numFmtId="49" fontId="4" fillId="0" borderId="18" xfId="41" applyNumberFormat="1" applyFont="1" applyBorder="1" applyAlignment="1">
      <alignment horizontal="center" vertical="center"/>
    </xf>
    <xf numFmtId="49" fontId="4" fillId="0" borderId="19" xfId="41" applyNumberFormat="1" applyFont="1" applyBorder="1" applyAlignment="1">
      <alignment horizontal="center" vertical="center"/>
    </xf>
    <xf numFmtId="49" fontId="21" fillId="0" borderId="13" xfId="0" applyNumberFormat="1" applyFont="1" applyBorder="1" applyAlignment="1">
      <alignment horizontal="distributed" vertical="center"/>
    </xf>
    <xf numFmtId="49" fontId="21" fillId="0" borderId="14" xfId="0" applyNumberFormat="1" applyFont="1" applyBorder="1" applyAlignment="1">
      <alignment horizontal="distributed" vertical="center"/>
    </xf>
    <xf numFmtId="49" fontId="4" fillId="0" borderId="34" xfId="41" applyNumberFormat="1" applyFont="1" applyBorder="1" applyAlignment="1">
      <alignment horizontal="center" vertical="center" wrapText="1"/>
    </xf>
    <xf numFmtId="49" fontId="4" fillId="0" borderId="22" xfId="41" applyNumberFormat="1" applyFont="1" applyBorder="1" applyAlignment="1">
      <alignment horizontal="center" vertical="center" wrapText="1"/>
    </xf>
    <xf numFmtId="49" fontId="4" fillId="0" borderId="33" xfId="41" applyNumberFormat="1" applyFont="1" applyBorder="1" applyAlignment="1">
      <alignment horizontal="center" vertical="center" wrapText="1"/>
    </xf>
    <xf numFmtId="49" fontId="4" fillId="0" borderId="21" xfId="41" applyNumberFormat="1" applyFont="1" applyBorder="1" applyAlignment="1">
      <alignment horizontal="center" vertical="center" wrapText="1"/>
    </xf>
    <xf numFmtId="49" fontId="4" fillId="0" borderId="10" xfId="41" applyNumberFormat="1" applyFont="1" applyBorder="1" applyAlignment="1">
      <alignment horizontal="center" vertical="center" wrapText="1"/>
    </xf>
    <xf numFmtId="49" fontId="4" fillId="0" borderId="21" xfId="41" applyNumberFormat="1" applyFont="1" applyBorder="1" applyAlignment="1">
      <alignment horizontal="center" vertical="center"/>
    </xf>
    <xf numFmtId="49" fontId="4" fillId="0" borderId="28" xfId="41" applyNumberFormat="1" applyFont="1" applyBorder="1" applyAlignment="1">
      <alignment horizontal="center" vertical="center" wrapText="1"/>
    </xf>
    <xf numFmtId="49" fontId="4" fillId="0" borderId="29" xfId="41" applyNumberFormat="1" applyFont="1" applyBorder="1" applyAlignment="1">
      <alignment horizontal="center" vertical="center"/>
    </xf>
    <xf numFmtId="49" fontId="3" fillId="0" borderId="0" xfId="41" applyNumberFormat="1" applyFont="1" applyAlignment="1">
      <alignment horizontal="center" vertical="center"/>
    </xf>
    <xf numFmtId="49" fontId="21" fillId="0" borderId="23" xfId="0" applyNumberFormat="1" applyFont="1" applyBorder="1" applyAlignment="1">
      <alignment horizontal="distributed" vertical="center"/>
    </xf>
    <xf numFmtId="49" fontId="21" fillId="0" borderId="24" xfId="0" applyNumberFormat="1" applyFont="1" applyBorder="1" applyAlignment="1">
      <alignment horizontal="distributed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 xr:uid="{00000000-0005-0000-0000-000029000000}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H80"/>
  <sheetViews>
    <sheetView tabSelected="1" view="pageBreakPreview" zoomScaleNormal="100" zoomScaleSheetLayoutView="100" workbookViewId="0">
      <selection activeCell="A4" sqref="A4:B4"/>
    </sheetView>
  </sheetViews>
  <sheetFormatPr defaultColWidth="9" defaultRowHeight="13.8" x14ac:dyDescent="0.2"/>
  <cols>
    <col min="1" max="1" width="2.6640625" style="1" customWidth="1"/>
    <col min="2" max="8" width="18.6640625" style="1" customWidth="1"/>
    <col min="9" max="9" width="9" style="1" customWidth="1"/>
    <col min="10" max="16384" width="9" style="1"/>
  </cols>
  <sheetData>
    <row r="1" spans="1:8" ht="15" customHeight="1" x14ac:dyDescent="0.2">
      <c r="A1"/>
    </row>
    <row r="2" spans="1:8" ht="18.75" customHeight="1" x14ac:dyDescent="0.2">
      <c r="A2" s="4" t="s">
        <v>6</v>
      </c>
      <c r="B2" s="4"/>
      <c r="D2" s="40" t="s">
        <v>7</v>
      </c>
      <c r="E2" s="40"/>
      <c r="F2" s="40"/>
      <c r="G2" s="40"/>
      <c r="H2" s="18"/>
    </row>
    <row r="3" spans="1:8" ht="15" customHeight="1" x14ac:dyDescent="0.2">
      <c r="B3" s="1" t="s">
        <v>82</v>
      </c>
    </row>
    <row r="4" spans="1:8" ht="15" customHeight="1" thickBot="1" x14ac:dyDescent="0.25">
      <c r="A4" s="25" t="s">
        <v>1</v>
      </c>
      <c r="B4" s="25"/>
      <c r="H4" s="2" t="s">
        <v>81</v>
      </c>
    </row>
    <row r="5" spans="1:8" ht="20.100000000000001" customHeight="1" x14ac:dyDescent="0.2">
      <c r="A5" s="26" t="s">
        <v>0</v>
      </c>
      <c r="B5" s="27"/>
      <c r="C5" s="36" t="s">
        <v>8</v>
      </c>
      <c r="D5" s="34" t="s">
        <v>4</v>
      </c>
      <c r="E5" s="38" t="s">
        <v>5</v>
      </c>
      <c r="F5" s="34" t="s">
        <v>9</v>
      </c>
      <c r="G5" s="34" t="s">
        <v>2</v>
      </c>
      <c r="H5" s="32" t="s">
        <v>3</v>
      </c>
    </row>
    <row r="6" spans="1:8" ht="20.100000000000001" customHeight="1" thickBot="1" x14ac:dyDescent="0.25">
      <c r="A6" s="28"/>
      <c r="B6" s="29"/>
      <c r="C6" s="28"/>
      <c r="D6" s="37"/>
      <c r="E6" s="39"/>
      <c r="F6" s="37"/>
      <c r="G6" s="35"/>
      <c r="H6" s="33"/>
    </row>
    <row r="7" spans="1:8" ht="15.75" customHeight="1" thickTop="1" x14ac:dyDescent="0.2">
      <c r="A7" s="30" t="s">
        <v>10</v>
      </c>
      <c r="B7" s="31"/>
      <c r="C7" s="7">
        <v>1671217</v>
      </c>
      <c r="D7" s="8">
        <v>37062</v>
      </c>
      <c r="E7" s="19">
        <v>1708279</v>
      </c>
      <c r="F7" s="22">
        <v>2.17</v>
      </c>
      <c r="G7" s="8">
        <v>327</v>
      </c>
      <c r="H7" s="9">
        <v>1708606</v>
      </c>
    </row>
    <row r="8" spans="1:8" ht="15.75" customHeight="1" x14ac:dyDescent="0.2">
      <c r="A8" s="5"/>
      <c r="B8" s="6" t="s">
        <v>11</v>
      </c>
      <c r="C8" s="7">
        <v>123350</v>
      </c>
      <c r="D8" s="8">
        <v>2698</v>
      </c>
      <c r="E8" s="19">
        <v>126048</v>
      </c>
      <c r="F8" s="22">
        <v>2.14</v>
      </c>
      <c r="G8" s="8">
        <v>36</v>
      </c>
      <c r="H8" s="9">
        <v>126084</v>
      </c>
    </row>
    <row r="9" spans="1:8" ht="15.75" customHeight="1" x14ac:dyDescent="0.2">
      <c r="A9" s="5"/>
      <c r="B9" s="6" t="s">
        <v>12</v>
      </c>
      <c r="C9" s="7">
        <v>109039</v>
      </c>
      <c r="D9" s="8">
        <v>2072</v>
      </c>
      <c r="E9" s="19">
        <v>111111</v>
      </c>
      <c r="F9" s="22">
        <v>1.86</v>
      </c>
      <c r="G9" s="8">
        <v>20</v>
      </c>
      <c r="H9" s="9">
        <v>111131</v>
      </c>
    </row>
    <row r="10" spans="1:8" ht="15.75" customHeight="1" x14ac:dyDescent="0.2">
      <c r="A10" s="5"/>
      <c r="B10" s="6" t="s">
        <v>13</v>
      </c>
      <c r="C10" s="7">
        <v>48307</v>
      </c>
      <c r="D10" s="8">
        <v>981</v>
      </c>
      <c r="E10" s="19">
        <v>49288</v>
      </c>
      <c r="F10" s="22">
        <v>1.99</v>
      </c>
      <c r="G10" s="8">
        <v>9</v>
      </c>
      <c r="H10" s="9">
        <v>49297</v>
      </c>
    </row>
    <row r="11" spans="1:8" ht="15.75" customHeight="1" x14ac:dyDescent="0.2">
      <c r="A11" s="5"/>
      <c r="B11" s="6" t="s">
        <v>14</v>
      </c>
      <c r="C11" s="7">
        <v>62313</v>
      </c>
      <c r="D11" s="8">
        <v>1314</v>
      </c>
      <c r="E11" s="19">
        <v>63627</v>
      </c>
      <c r="F11" s="22">
        <v>2.0699999999999998</v>
      </c>
      <c r="G11" s="8">
        <v>7</v>
      </c>
      <c r="H11" s="9">
        <v>63634</v>
      </c>
    </row>
    <row r="12" spans="1:8" ht="15.75" customHeight="1" x14ac:dyDescent="0.2">
      <c r="A12" s="5"/>
      <c r="B12" s="6" t="s">
        <v>15</v>
      </c>
      <c r="C12" s="7">
        <v>81176</v>
      </c>
      <c r="D12" s="8">
        <v>1895</v>
      </c>
      <c r="E12" s="19">
        <v>83071</v>
      </c>
      <c r="F12" s="22">
        <v>2.2799999999999998</v>
      </c>
      <c r="G12" s="8">
        <v>37</v>
      </c>
      <c r="H12" s="9">
        <v>83108</v>
      </c>
    </row>
    <row r="13" spans="1:8" ht="15.75" customHeight="1" x14ac:dyDescent="0.2">
      <c r="A13" s="5"/>
      <c r="B13" s="6" t="s">
        <v>16</v>
      </c>
      <c r="C13" s="7">
        <v>87560</v>
      </c>
      <c r="D13" s="8">
        <v>2323</v>
      </c>
      <c r="E13" s="19">
        <v>89883</v>
      </c>
      <c r="F13" s="22">
        <v>2.58</v>
      </c>
      <c r="G13" s="8">
        <v>19</v>
      </c>
      <c r="H13" s="9">
        <v>89902</v>
      </c>
    </row>
    <row r="14" spans="1:8" ht="15.75" customHeight="1" x14ac:dyDescent="0.2">
      <c r="A14" s="5"/>
      <c r="B14" s="6" t="s">
        <v>17</v>
      </c>
      <c r="C14" s="7">
        <v>70788</v>
      </c>
      <c r="D14" s="8">
        <v>1751</v>
      </c>
      <c r="E14" s="19">
        <v>72539</v>
      </c>
      <c r="F14" s="22">
        <v>2.41</v>
      </c>
      <c r="G14" s="8">
        <v>3</v>
      </c>
      <c r="H14" s="9">
        <v>72542</v>
      </c>
    </row>
    <row r="15" spans="1:8" ht="15.75" customHeight="1" x14ac:dyDescent="0.2">
      <c r="A15" s="5"/>
      <c r="B15" s="6" t="s">
        <v>18</v>
      </c>
      <c r="C15" s="7">
        <v>88822</v>
      </c>
      <c r="D15" s="8">
        <v>2331</v>
      </c>
      <c r="E15" s="19">
        <v>91153</v>
      </c>
      <c r="F15" s="22">
        <v>2.56</v>
      </c>
      <c r="G15" s="8">
        <v>29</v>
      </c>
      <c r="H15" s="9">
        <v>91182</v>
      </c>
    </row>
    <row r="16" spans="1:8" ht="15.75" customHeight="1" x14ac:dyDescent="0.2">
      <c r="A16" s="5"/>
      <c r="B16" s="6" t="s">
        <v>19</v>
      </c>
      <c r="C16" s="7">
        <v>171137</v>
      </c>
      <c r="D16" s="8">
        <v>2794</v>
      </c>
      <c r="E16" s="19">
        <v>173931</v>
      </c>
      <c r="F16" s="22">
        <v>1.61</v>
      </c>
      <c r="G16" s="8">
        <v>34</v>
      </c>
      <c r="H16" s="9">
        <v>173965</v>
      </c>
    </row>
    <row r="17" spans="1:8" ht="15.75" customHeight="1" x14ac:dyDescent="0.2">
      <c r="A17" s="5"/>
      <c r="B17" s="6" t="s">
        <v>20</v>
      </c>
      <c r="C17" s="7">
        <v>123755</v>
      </c>
      <c r="D17" s="8">
        <v>3190</v>
      </c>
      <c r="E17" s="19">
        <v>126945</v>
      </c>
      <c r="F17" s="22">
        <v>2.5099999999999998</v>
      </c>
      <c r="G17" s="8">
        <v>26</v>
      </c>
      <c r="H17" s="9">
        <v>126971</v>
      </c>
    </row>
    <row r="18" spans="1:8" ht="15.75" customHeight="1" x14ac:dyDescent="0.2">
      <c r="A18" s="5"/>
      <c r="B18" s="6" t="s">
        <v>21</v>
      </c>
      <c r="C18" s="7">
        <v>95543</v>
      </c>
      <c r="D18" s="8">
        <v>2319</v>
      </c>
      <c r="E18" s="19">
        <v>97862</v>
      </c>
      <c r="F18" s="22">
        <v>2.37</v>
      </c>
      <c r="G18" s="8">
        <v>25</v>
      </c>
      <c r="H18" s="9">
        <v>97887</v>
      </c>
    </row>
    <row r="19" spans="1:8" ht="15.75" customHeight="1" x14ac:dyDescent="0.2">
      <c r="A19" s="5"/>
      <c r="B19" s="6" t="s">
        <v>22</v>
      </c>
      <c r="C19" s="7">
        <v>103813</v>
      </c>
      <c r="D19" s="8">
        <v>2976</v>
      </c>
      <c r="E19" s="19">
        <v>106789</v>
      </c>
      <c r="F19" s="22">
        <v>2.79</v>
      </c>
      <c r="G19" s="8">
        <v>17</v>
      </c>
      <c r="H19" s="9">
        <v>106806</v>
      </c>
    </row>
    <row r="20" spans="1:8" ht="15.75" customHeight="1" x14ac:dyDescent="0.2">
      <c r="A20" s="5"/>
      <c r="B20" s="6" t="s">
        <v>23</v>
      </c>
      <c r="C20" s="7">
        <v>79596</v>
      </c>
      <c r="D20" s="8">
        <v>1822</v>
      </c>
      <c r="E20" s="19">
        <v>81418</v>
      </c>
      <c r="F20" s="22">
        <v>2.2400000000000002</v>
      </c>
      <c r="G20" s="8">
        <v>17</v>
      </c>
      <c r="H20" s="9">
        <v>81435</v>
      </c>
    </row>
    <row r="21" spans="1:8" ht="15.75" customHeight="1" x14ac:dyDescent="0.2">
      <c r="A21" s="5"/>
      <c r="B21" s="6" t="s">
        <v>24</v>
      </c>
      <c r="C21" s="7">
        <v>51423</v>
      </c>
      <c r="D21" s="8">
        <v>1242</v>
      </c>
      <c r="E21" s="19">
        <v>52665</v>
      </c>
      <c r="F21" s="22">
        <v>2.36</v>
      </c>
      <c r="G21" s="8">
        <v>2</v>
      </c>
      <c r="H21" s="9">
        <v>52667</v>
      </c>
    </row>
    <row r="22" spans="1:8" ht="15.75" customHeight="1" x14ac:dyDescent="0.2">
      <c r="A22" s="5"/>
      <c r="B22" s="6" t="s">
        <v>25</v>
      </c>
      <c r="C22" s="7">
        <v>56088</v>
      </c>
      <c r="D22" s="8">
        <v>1411</v>
      </c>
      <c r="E22" s="19">
        <v>57499</v>
      </c>
      <c r="F22" s="22">
        <v>2.4500000000000002</v>
      </c>
      <c r="G22" s="8">
        <v>10</v>
      </c>
      <c r="H22" s="9">
        <v>57509</v>
      </c>
    </row>
    <row r="23" spans="1:8" ht="15.75" customHeight="1" x14ac:dyDescent="0.2">
      <c r="A23" s="5"/>
      <c r="B23" s="6" t="s">
        <v>26</v>
      </c>
      <c r="C23" s="7">
        <v>66373</v>
      </c>
      <c r="D23" s="8">
        <v>1705</v>
      </c>
      <c r="E23" s="19">
        <v>68078</v>
      </c>
      <c r="F23" s="22">
        <v>2.5</v>
      </c>
      <c r="G23" s="8">
        <v>14</v>
      </c>
      <c r="H23" s="9">
        <v>68092</v>
      </c>
    </row>
    <row r="24" spans="1:8" ht="15.75" customHeight="1" x14ac:dyDescent="0.2">
      <c r="A24" s="5"/>
      <c r="B24" s="6" t="s">
        <v>27</v>
      </c>
      <c r="C24" s="7">
        <v>150750</v>
      </c>
      <c r="D24" s="8">
        <v>2411</v>
      </c>
      <c r="E24" s="19">
        <v>153161</v>
      </c>
      <c r="F24" s="22">
        <v>1.57</v>
      </c>
      <c r="G24" s="8">
        <v>15</v>
      </c>
      <c r="H24" s="9">
        <v>153176</v>
      </c>
    </row>
    <row r="25" spans="1:8" ht="15.75" customHeight="1" x14ac:dyDescent="0.2">
      <c r="A25" s="5"/>
      <c r="B25" s="6" t="s">
        <v>28</v>
      </c>
      <c r="C25" s="7">
        <v>101384</v>
      </c>
      <c r="D25" s="8">
        <v>1827</v>
      </c>
      <c r="E25" s="19">
        <v>103211</v>
      </c>
      <c r="F25" s="22">
        <v>1.77</v>
      </c>
      <c r="G25" s="8">
        <v>7</v>
      </c>
      <c r="H25" s="9">
        <v>103218</v>
      </c>
    </row>
    <row r="26" spans="1:8" ht="15.75" customHeight="1" x14ac:dyDescent="0.2">
      <c r="A26" s="30" t="s">
        <v>29</v>
      </c>
      <c r="B26" s="31"/>
      <c r="C26" s="7">
        <v>686529</v>
      </c>
      <c r="D26" s="8">
        <v>11707</v>
      </c>
      <c r="E26" s="19">
        <v>698236</v>
      </c>
      <c r="F26" s="22">
        <v>1.68</v>
      </c>
      <c r="G26" s="8">
        <v>294</v>
      </c>
      <c r="H26" s="9">
        <v>698530</v>
      </c>
    </row>
    <row r="27" spans="1:8" ht="15.75" customHeight="1" x14ac:dyDescent="0.2">
      <c r="A27" s="5"/>
      <c r="B27" s="6" t="s">
        <v>30</v>
      </c>
      <c r="C27" s="7">
        <v>86951</v>
      </c>
      <c r="D27" s="8">
        <v>2144</v>
      </c>
      <c r="E27" s="19">
        <v>89095</v>
      </c>
      <c r="F27" s="22">
        <v>2.41</v>
      </c>
      <c r="G27" s="8">
        <v>22</v>
      </c>
      <c r="H27" s="9">
        <v>89117</v>
      </c>
    </row>
    <row r="28" spans="1:8" ht="15.75" customHeight="1" x14ac:dyDescent="0.2">
      <c r="A28" s="5"/>
      <c r="B28" s="6" t="s">
        <v>31</v>
      </c>
      <c r="C28" s="7">
        <v>78139</v>
      </c>
      <c r="D28" s="8">
        <v>1216</v>
      </c>
      <c r="E28" s="19">
        <v>79355</v>
      </c>
      <c r="F28" s="22">
        <v>1.53</v>
      </c>
      <c r="G28" s="8">
        <v>13</v>
      </c>
      <c r="H28" s="9">
        <v>79368</v>
      </c>
    </row>
    <row r="29" spans="1:8" ht="15.75" customHeight="1" x14ac:dyDescent="0.2">
      <c r="A29" s="5"/>
      <c r="B29" s="6" t="s">
        <v>32</v>
      </c>
      <c r="C29" s="7">
        <v>126777</v>
      </c>
      <c r="D29" s="8">
        <v>1931</v>
      </c>
      <c r="E29" s="19">
        <v>128708</v>
      </c>
      <c r="F29" s="22">
        <v>1.5</v>
      </c>
      <c r="G29" s="8">
        <v>179</v>
      </c>
      <c r="H29" s="9">
        <v>128887</v>
      </c>
    </row>
    <row r="30" spans="1:8" ht="15.75" customHeight="1" x14ac:dyDescent="0.2">
      <c r="A30" s="5"/>
      <c r="B30" s="6" t="s">
        <v>33</v>
      </c>
      <c r="C30" s="7">
        <v>104493</v>
      </c>
      <c r="D30" s="8">
        <v>1855</v>
      </c>
      <c r="E30" s="19">
        <v>106348</v>
      </c>
      <c r="F30" s="22">
        <v>1.74</v>
      </c>
      <c r="G30" s="8">
        <v>11</v>
      </c>
      <c r="H30" s="9">
        <v>106359</v>
      </c>
    </row>
    <row r="31" spans="1:8" ht="15.75" customHeight="1" x14ac:dyDescent="0.2">
      <c r="A31" s="5"/>
      <c r="B31" s="6" t="s">
        <v>34</v>
      </c>
      <c r="C31" s="7">
        <v>100304</v>
      </c>
      <c r="D31" s="8">
        <v>1547</v>
      </c>
      <c r="E31" s="19">
        <v>101851</v>
      </c>
      <c r="F31" s="22">
        <v>1.52</v>
      </c>
      <c r="G31" s="8">
        <v>32</v>
      </c>
      <c r="H31" s="9">
        <v>101883</v>
      </c>
    </row>
    <row r="32" spans="1:8" ht="15.75" customHeight="1" x14ac:dyDescent="0.2">
      <c r="A32" s="5"/>
      <c r="B32" s="6" t="s">
        <v>35</v>
      </c>
      <c r="C32" s="7">
        <v>104895</v>
      </c>
      <c r="D32" s="8">
        <v>1746</v>
      </c>
      <c r="E32" s="19">
        <v>106641</v>
      </c>
      <c r="F32" s="22">
        <v>1.64</v>
      </c>
      <c r="G32" s="8">
        <v>23</v>
      </c>
      <c r="H32" s="9">
        <v>106664</v>
      </c>
    </row>
    <row r="33" spans="1:8" ht="15.75" customHeight="1" x14ac:dyDescent="0.2">
      <c r="A33" s="5"/>
      <c r="B33" s="6" t="s">
        <v>36</v>
      </c>
      <c r="C33" s="7">
        <v>84970</v>
      </c>
      <c r="D33" s="8">
        <v>1268</v>
      </c>
      <c r="E33" s="19">
        <v>86238</v>
      </c>
      <c r="F33" s="22">
        <v>1.47</v>
      </c>
      <c r="G33" s="8">
        <v>14</v>
      </c>
      <c r="H33" s="9">
        <v>86252</v>
      </c>
    </row>
    <row r="34" spans="1:8" ht="15.75" customHeight="1" x14ac:dyDescent="0.2">
      <c r="A34" s="30" t="s">
        <v>37</v>
      </c>
      <c r="B34" s="31"/>
      <c r="C34" s="7">
        <v>314733</v>
      </c>
      <c r="D34" s="8">
        <v>7159</v>
      </c>
      <c r="E34" s="19">
        <v>321892</v>
      </c>
      <c r="F34" s="22">
        <v>2.2200000000000002</v>
      </c>
      <c r="G34" s="8">
        <v>144</v>
      </c>
      <c r="H34" s="9">
        <v>322036</v>
      </c>
    </row>
    <row r="35" spans="1:8" ht="15.75" customHeight="1" x14ac:dyDescent="0.2">
      <c r="A35" s="5"/>
      <c r="B35" s="6" t="s">
        <v>38</v>
      </c>
      <c r="C35" s="7">
        <v>73703</v>
      </c>
      <c r="D35" s="8">
        <v>1855</v>
      </c>
      <c r="E35" s="19">
        <v>75558</v>
      </c>
      <c r="F35" s="22">
        <v>2.46</v>
      </c>
      <c r="G35" s="8">
        <v>22</v>
      </c>
      <c r="H35" s="9">
        <v>75580</v>
      </c>
    </row>
    <row r="36" spans="1:8" ht="15.75" customHeight="1" x14ac:dyDescent="0.2">
      <c r="A36" s="5"/>
      <c r="B36" s="6" t="s">
        <v>39</v>
      </c>
      <c r="C36" s="7">
        <v>112581</v>
      </c>
      <c r="D36" s="8">
        <v>2834</v>
      </c>
      <c r="E36" s="19">
        <v>115415</v>
      </c>
      <c r="F36" s="22">
        <v>2.46</v>
      </c>
      <c r="G36" s="8">
        <v>55</v>
      </c>
      <c r="H36" s="9">
        <v>115470</v>
      </c>
    </row>
    <row r="37" spans="1:8" ht="15.75" customHeight="1" x14ac:dyDescent="0.2">
      <c r="A37" s="5"/>
      <c r="B37" s="6" t="s">
        <v>40</v>
      </c>
      <c r="C37" s="7">
        <v>128449</v>
      </c>
      <c r="D37" s="8">
        <v>2470</v>
      </c>
      <c r="E37" s="19">
        <v>130919</v>
      </c>
      <c r="F37" s="22">
        <v>1.89</v>
      </c>
      <c r="G37" s="8">
        <v>67</v>
      </c>
      <c r="H37" s="9">
        <v>130986</v>
      </c>
    </row>
    <row r="38" spans="1:8" ht="15.75" customHeight="1" x14ac:dyDescent="0.2">
      <c r="A38" s="30" t="s">
        <v>41</v>
      </c>
      <c r="B38" s="31"/>
      <c r="C38" s="7">
        <v>170184</v>
      </c>
      <c r="D38" s="8">
        <v>3174</v>
      </c>
      <c r="E38" s="19">
        <v>173358</v>
      </c>
      <c r="F38" s="22">
        <v>1.83</v>
      </c>
      <c r="G38" s="8">
        <v>30</v>
      </c>
      <c r="H38" s="9">
        <v>173388</v>
      </c>
    </row>
    <row r="39" spans="1:8" ht="15.75" customHeight="1" x14ac:dyDescent="0.2">
      <c r="A39" s="30" t="s">
        <v>42</v>
      </c>
      <c r="B39" s="31"/>
      <c r="C39" s="7">
        <v>102385</v>
      </c>
      <c r="D39" s="8">
        <v>2639</v>
      </c>
      <c r="E39" s="19">
        <v>105024</v>
      </c>
      <c r="F39" s="22">
        <v>2.5099999999999998</v>
      </c>
      <c r="G39" s="8">
        <v>39</v>
      </c>
      <c r="H39" s="9">
        <v>105063</v>
      </c>
    </row>
    <row r="40" spans="1:8" ht="15.75" customHeight="1" x14ac:dyDescent="0.2">
      <c r="A40" s="30" t="s">
        <v>43</v>
      </c>
      <c r="B40" s="31"/>
      <c r="C40" s="7">
        <v>91061</v>
      </c>
      <c r="D40" s="8">
        <v>854</v>
      </c>
      <c r="E40" s="19">
        <v>91915</v>
      </c>
      <c r="F40" s="22">
        <v>0.93</v>
      </c>
      <c r="G40" s="8">
        <v>19</v>
      </c>
      <c r="H40" s="9">
        <v>91934</v>
      </c>
    </row>
    <row r="41" spans="1:8" ht="15.75" customHeight="1" x14ac:dyDescent="0.2">
      <c r="A41" s="30" t="s">
        <v>44</v>
      </c>
      <c r="B41" s="31"/>
      <c r="C41" s="7">
        <v>200035</v>
      </c>
      <c r="D41" s="8">
        <v>3581</v>
      </c>
      <c r="E41" s="19">
        <v>203616</v>
      </c>
      <c r="F41" s="22">
        <v>1.76</v>
      </c>
      <c r="G41" s="8">
        <v>74</v>
      </c>
      <c r="H41" s="9">
        <v>203690</v>
      </c>
    </row>
    <row r="42" spans="1:8" ht="15.75" customHeight="1" x14ac:dyDescent="0.2">
      <c r="A42" s="30" t="s">
        <v>45</v>
      </c>
      <c r="B42" s="31"/>
      <c r="C42" s="7">
        <v>75195</v>
      </c>
      <c r="D42" s="8">
        <v>1673</v>
      </c>
      <c r="E42" s="19">
        <v>76868</v>
      </c>
      <c r="F42" s="22">
        <v>2.1800000000000002</v>
      </c>
      <c r="G42" s="8">
        <v>29</v>
      </c>
      <c r="H42" s="9">
        <v>76897</v>
      </c>
    </row>
    <row r="43" spans="1:8" ht="15.75" customHeight="1" x14ac:dyDescent="0.2">
      <c r="A43" s="30" t="s">
        <v>46</v>
      </c>
      <c r="B43" s="31"/>
      <c r="C43" s="7">
        <v>110571</v>
      </c>
      <c r="D43" s="8">
        <v>2010</v>
      </c>
      <c r="E43" s="19">
        <v>112581</v>
      </c>
      <c r="F43" s="22">
        <v>1.79</v>
      </c>
      <c r="G43" s="8">
        <v>6</v>
      </c>
      <c r="H43" s="9">
        <v>112587</v>
      </c>
    </row>
    <row r="44" spans="1:8" ht="15.75" customHeight="1" x14ac:dyDescent="0.2">
      <c r="A44" s="30" t="s">
        <v>47</v>
      </c>
      <c r="B44" s="31"/>
      <c r="C44" s="7">
        <v>29534</v>
      </c>
      <c r="D44" s="8">
        <v>33</v>
      </c>
      <c r="E44" s="19">
        <v>29567</v>
      </c>
      <c r="F44" s="22">
        <v>0.11</v>
      </c>
      <c r="G44" s="8">
        <v>0</v>
      </c>
      <c r="H44" s="9">
        <v>29567</v>
      </c>
    </row>
    <row r="45" spans="1:8" ht="15.75" customHeight="1" x14ac:dyDescent="0.2">
      <c r="A45" s="30" t="s">
        <v>48</v>
      </c>
      <c r="B45" s="31"/>
      <c r="C45" s="7">
        <v>18616</v>
      </c>
      <c r="D45" s="8">
        <v>518</v>
      </c>
      <c r="E45" s="19">
        <v>19134</v>
      </c>
      <c r="F45" s="22">
        <v>2.71</v>
      </c>
      <c r="G45" s="8">
        <v>1</v>
      </c>
      <c r="H45" s="9">
        <v>19135</v>
      </c>
    </row>
    <row r="46" spans="1:8" ht="15.75" customHeight="1" x14ac:dyDescent="0.2">
      <c r="A46" s="30" t="s">
        <v>49</v>
      </c>
      <c r="B46" s="31"/>
      <c r="C46" s="7">
        <v>63096</v>
      </c>
      <c r="D46" s="8">
        <v>1760</v>
      </c>
      <c r="E46" s="19">
        <v>64856</v>
      </c>
      <c r="F46" s="22">
        <v>2.71</v>
      </c>
      <c r="G46" s="8">
        <v>13</v>
      </c>
      <c r="H46" s="9">
        <v>64869</v>
      </c>
    </row>
    <row r="47" spans="1:8" ht="15.75" customHeight="1" x14ac:dyDescent="0.2">
      <c r="A47" s="30" t="s">
        <v>50</v>
      </c>
      <c r="B47" s="31"/>
      <c r="C47" s="7">
        <v>90079</v>
      </c>
      <c r="D47" s="8">
        <v>2333</v>
      </c>
      <c r="E47" s="19">
        <v>92412</v>
      </c>
      <c r="F47" s="22">
        <v>2.52</v>
      </c>
      <c r="G47" s="8">
        <v>36</v>
      </c>
      <c r="H47" s="9">
        <v>92448</v>
      </c>
    </row>
    <row r="48" spans="1:8" ht="15.75" customHeight="1" x14ac:dyDescent="0.2">
      <c r="A48" s="30" t="s">
        <v>51</v>
      </c>
      <c r="B48" s="31"/>
      <c r="C48" s="7">
        <v>107233</v>
      </c>
      <c r="D48" s="8">
        <v>2433</v>
      </c>
      <c r="E48" s="19">
        <v>109666</v>
      </c>
      <c r="F48" s="22">
        <v>2.2200000000000002</v>
      </c>
      <c r="G48" s="8">
        <v>20</v>
      </c>
      <c r="H48" s="9">
        <v>109686</v>
      </c>
    </row>
    <row r="49" spans="1:8" ht="15.75" customHeight="1" x14ac:dyDescent="0.2">
      <c r="A49" s="30" t="s">
        <v>52</v>
      </c>
      <c r="B49" s="31"/>
      <c r="C49" s="7">
        <v>41892</v>
      </c>
      <c r="D49" s="8">
        <v>865</v>
      </c>
      <c r="E49" s="19">
        <v>42757</v>
      </c>
      <c r="F49" s="22">
        <v>2.02</v>
      </c>
      <c r="G49" s="8">
        <v>8</v>
      </c>
      <c r="H49" s="9">
        <v>42765</v>
      </c>
    </row>
    <row r="50" spans="1:8" ht="15.75" customHeight="1" x14ac:dyDescent="0.2">
      <c r="A50" s="30" t="s">
        <v>53</v>
      </c>
      <c r="B50" s="31"/>
      <c r="C50" s="7">
        <v>65570</v>
      </c>
      <c r="D50" s="8">
        <v>1067</v>
      </c>
      <c r="E50" s="19">
        <v>66637</v>
      </c>
      <c r="F50" s="22">
        <v>1.6</v>
      </c>
      <c r="G50" s="8">
        <v>5</v>
      </c>
      <c r="H50" s="9">
        <v>66642</v>
      </c>
    </row>
    <row r="51" spans="1:8" ht="15.75" customHeight="1" x14ac:dyDescent="0.2">
      <c r="A51" s="30" t="s">
        <v>54</v>
      </c>
      <c r="B51" s="31"/>
      <c r="C51" s="7">
        <v>54386</v>
      </c>
      <c r="D51" s="8">
        <v>1543</v>
      </c>
      <c r="E51" s="19">
        <v>55929</v>
      </c>
      <c r="F51" s="22">
        <v>2.76</v>
      </c>
      <c r="G51" s="8">
        <v>5</v>
      </c>
      <c r="H51" s="9">
        <v>55934</v>
      </c>
    </row>
    <row r="52" spans="1:8" ht="15.75" customHeight="1" x14ac:dyDescent="0.2">
      <c r="A52" s="30" t="s">
        <v>55</v>
      </c>
      <c r="B52" s="31"/>
      <c r="C52" s="7">
        <v>16564</v>
      </c>
      <c r="D52" s="8">
        <v>209</v>
      </c>
      <c r="E52" s="19">
        <v>16773</v>
      </c>
      <c r="F52" s="22">
        <v>1.25</v>
      </c>
      <c r="G52" s="8">
        <v>2</v>
      </c>
      <c r="H52" s="9">
        <v>16775</v>
      </c>
    </row>
    <row r="53" spans="1:8" ht="15.75" customHeight="1" x14ac:dyDescent="0.2">
      <c r="A53" s="30" t="s">
        <v>56</v>
      </c>
      <c r="B53" s="31"/>
      <c r="C53" s="7">
        <v>31464</v>
      </c>
      <c r="D53" s="8">
        <v>669</v>
      </c>
      <c r="E53" s="19">
        <v>32133</v>
      </c>
      <c r="F53" s="22">
        <v>2.08</v>
      </c>
      <c r="G53" s="8">
        <v>5</v>
      </c>
      <c r="H53" s="9">
        <v>32138</v>
      </c>
    </row>
    <row r="54" spans="1:8" ht="15.75" customHeight="1" x14ac:dyDescent="0.2">
      <c r="A54" s="30" t="s">
        <v>57</v>
      </c>
      <c r="B54" s="31"/>
      <c r="C54" s="7">
        <v>15874</v>
      </c>
      <c r="D54" s="8">
        <v>330</v>
      </c>
      <c r="E54" s="19">
        <v>16204</v>
      </c>
      <c r="F54" s="22">
        <v>2.04</v>
      </c>
      <c r="G54" s="8">
        <v>3</v>
      </c>
      <c r="H54" s="9">
        <v>16207</v>
      </c>
    </row>
    <row r="55" spans="1:8" ht="15.75" customHeight="1" x14ac:dyDescent="0.2">
      <c r="A55" s="5"/>
      <c r="B55" s="6" t="s">
        <v>58</v>
      </c>
      <c r="C55" s="7">
        <v>15874</v>
      </c>
      <c r="D55" s="8">
        <v>330</v>
      </c>
      <c r="E55" s="19">
        <v>16204</v>
      </c>
      <c r="F55" s="22">
        <v>2.04</v>
      </c>
      <c r="G55" s="8">
        <v>3</v>
      </c>
      <c r="H55" s="9">
        <v>16207</v>
      </c>
    </row>
    <row r="56" spans="1:8" ht="15.75" customHeight="1" x14ac:dyDescent="0.2">
      <c r="A56" s="30" t="s">
        <v>59</v>
      </c>
      <c r="B56" s="31"/>
      <c r="C56" s="7">
        <v>17891</v>
      </c>
      <c r="D56" s="8">
        <v>308</v>
      </c>
      <c r="E56" s="19">
        <v>18199</v>
      </c>
      <c r="F56" s="22">
        <v>1.69</v>
      </c>
      <c r="G56" s="8">
        <v>2</v>
      </c>
      <c r="H56" s="9">
        <v>18201</v>
      </c>
    </row>
    <row r="57" spans="1:8" ht="15.75" customHeight="1" x14ac:dyDescent="0.2">
      <c r="A57" s="5"/>
      <c r="B57" s="6" t="s">
        <v>60</v>
      </c>
      <c r="C57" s="7">
        <v>17891</v>
      </c>
      <c r="D57" s="8">
        <v>308</v>
      </c>
      <c r="E57" s="19">
        <v>18199</v>
      </c>
      <c r="F57" s="22">
        <v>1.69</v>
      </c>
      <c r="G57" s="8">
        <v>2</v>
      </c>
      <c r="H57" s="9">
        <v>18201</v>
      </c>
    </row>
    <row r="58" spans="1:8" ht="15.75" customHeight="1" x14ac:dyDescent="0.2">
      <c r="A58" s="30" t="s">
        <v>61</v>
      </c>
      <c r="B58" s="31"/>
      <c r="C58" s="7">
        <v>26742</v>
      </c>
      <c r="D58" s="8">
        <v>593</v>
      </c>
      <c r="E58" s="19">
        <v>27335</v>
      </c>
      <c r="F58" s="22">
        <v>2.17</v>
      </c>
      <c r="G58" s="8">
        <v>2</v>
      </c>
      <c r="H58" s="9">
        <v>27337</v>
      </c>
    </row>
    <row r="59" spans="1:8" ht="15.75" customHeight="1" x14ac:dyDescent="0.2">
      <c r="A59" s="5"/>
      <c r="B59" s="6" t="s">
        <v>62</v>
      </c>
      <c r="C59" s="7">
        <v>14129</v>
      </c>
      <c r="D59" s="8">
        <v>300</v>
      </c>
      <c r="E59" s="19">
        <v>14429</v>
      </c>
      <c r="F59" s="22">
        <v>2.08</v>
      </c>
      <c r="G59" s="8">
        <v>0</v>
      </c>
      <c r="H59" s="9">
        <v>14429</v>
      </c>
    </row>
    <row r="60" spans="1:8" ht="15.75" customHeight="1" x14ac:dyDescent="0.2">
      <c r="A60" s="5"/>
      <c r="B60" s="6" t="s">
        <v>63</v>
      </c>
      <c r="C60" s="7">
        <v>12613</v>
      </c>
      <c r="D60" s="8">
        <v>293</v>
      </c>
      <c r="E60" s="19">
        <v>12906</v>
      </c>
      <c r="F60" s="22">
        <v>2.27</v>
      </c>
      <c r="G60" s="8">
        <v>2</v>
      </c>
      <c r="H60" s="9">
        <v>12908</v>
      </c>
    </row>
    <row r="61" spans="1:8" ht="15.75" customHeight="1" x14ac:dyDescent="0.2">
      <c r="A61" s="30" t="s">
        <v>64</v>
      </c>
      <c r="B61" s="31"/>
      <c r="C61" s="7">
        <v>28316</v>
      </c>
      <c r="D61" s="8">
        <v>646</v>
      </c>
      <c r="E61" s="19">
        <v>28962</v>
      </c>
      <c r="F61" s="22">
        <v>2.23</v>
      </c>
      <c r="G61" s="8">
        <v>2</v>
      </c>
      <c r="H61" s="9">
        <v>28964</v>
      </c>
    </row>
    <row r="62" spans="1:8" ht="15.75" customHeight="1" x14ac:dyDescent="0.2">
      <c r="A62" s="5"/>
      <c r="B62" s="6" t="s">
        <v>65</v>
      </c>
      <c r="C62" s="7">
        <v>3751</v>
      </c>
      <c r="D62" s="8">
        <v>89</v>
      </c>
      <c r="E62" s="19">
        <v>3840</v>
      </c>
      <c r="F62" s="22">
        <v>2.3199999999999998</v>
      </c>
      <c r="G62" s="8">
        <v>0</v>
      </c>
      <c r="H62" s="9">
        <v>3840</v>
      </c>
    </row>
    <row r="63" spans="1:8" ht="15.75" customHeight="1" x14ac:dyDescent="0.2">
      <c r="A63" s="5"/>
      <c r="B63" s="6" t="s">
        <v>66</v>
      </c>
      <c r="C63" s="7">
        <v>7007</v>
      </c>
      <c r="D63" s="8">
        <v>135</v>
      </c>
      <c r="E63" s="19">
        <v>7142</v>
      </c>
      <c r="F63" s="22">
        <v>1.89</v>
      </c>
      <c r="G63" s="8">
        <v>1</v>
      </c>
      <c r="H63" s="9">
        <v>7143</v>
      </c>
    </row>
    <row r="64" spans="1:8" ht="15.75" customHeight="1" x14ac:dyDescent="0.2">
      <c r="A64" s="5"/>
      <c r="B64" s="6" t="s">
        <v>67</v>
      </c>
      <c r="C64" s="7">
        <v>4642</v>
      </c>
      <c r="D64" s="8">
        <v>122</v>
      </c>
      <c r="E64" s="19">
        <v>4764</v>
      </c>
      <c r="F64" s="22">
        <v>2.56</v>
      </c>
      <c r="G64" s="8">
        <v>0</v>
      </c>
      <c r="H64" s="9">
        <v>4764</v>
      </c>
    </row>
    <row r="65" spans="1:8" ht="15.75" customHeight="1" x14ac:dyDescent="0.2">
      <c r="A65" s="5"/>
      <c r="B65" s="6" t="s">
        <v>68</v>
      </c>
      <c r="C65" s="7">
        <v>4465</v>
      </c>
      <c r="D65" s="8">
        <v>154</v>
      </c>
      <c r="E65" s="19">
        <v>4619</v>
      </c>
      <c r="F65" s="22">
        <v>3.33</v>
      </c>
      <c r="G65" s="8">
        <v>1</v>
      </c>
      <c r="H65" s="9">
        <v>4620</v>
      </c>
    </row>
    <row r="66" spans="1:8" ht="15.75" customHeight="1" x14ac:dyDescent="0.2">
      <c r="A66" s="5"/>
      <c r="B66" s="6" t="s">
        <v>69</v>
      </c>
      <c r="C66" s="7">
        <v>8451</v>
      </c>
      <c r="D66" s="8">
        <v>146</v>
      </c>
      <c r="E66" s="19">
        <v>8597</v>
      </c>
      <c r="F66" s="22">
        <v>1.7</v>
      </c>
      <c r="G66" s="8">
        <v>0</v>
      </c>
      <c r="H66" s="9">
        <v>8597</v>
      </c>
    </row>
    <row r="67" spans="1:8" ht="15.75" customHeight="1" x14ac:dyDescent="0.2">
      <c r="A67" s="30" t="s">
        <v>70</v>
      </c>
      <c r="B67" s="31"/>
      <c r="C67" s="7">
        <v>16528</v>
      </c>
      <c r="D67" s="8">
        <v>252</v>
      </c>
      <c r="E67" s="19">
        <v>16780</v>
      </c>
      <c r="F67" s="22">
        <v>1.5</v>
      </c>
      <c r="G67" s="8">
        <v>1</v>
      </c>
      <c r="H67" s="9">
        <v>16781</v>
      </c>
    </row>
    <row r="68" spans="1:8" ht="15.75" customHeight="1" x14ac:dyDescent="0.2">
      <c r="A68" s="5"/>
      <c r="B68" s="6" t="s">
        <v>71</v>
      </c>
      <c r="C68" s="7">
        <v>3795</v>
      </c>
      <c r="D68" s="8">
        <v>45</v>
      </c>
      <c r="E68" s="19">
        <v>3840</v>
      </c>
      <c r="F68" s="22">
        <v>1.17</v>
      </c>
      <c r="G68" s="8">
        <v>0</v>
      </c>
      <c r="H68" s="9">
        <v>3840</v>
      </c>
    </row>
    <row r="69" spans="1:8" ht="15.75" customHeight="1" x14ac:dyDescent="0.2">
      <c r="A69" s="5"/>
      <c r="B69" s="6" t="s">
        <v>72</v>
      </c>
      <c r="C69" s="7">
        <v>2935</v>
      </c>
      <c r="D69" s="8">
        <v>61</v>
      </c>
      <c r="E69" s="19">
        <v>2996</v>
      </c>
      <c r="F69" s="22">
        <v>2.04</v>
      </c>
      <c r="G69" s="8">
        <v>1</v>
      </c>
      <c r="H69" s="9">
        <v>2997</v>
      </c>
    </row>
    <row r="70" spans="1:8" ht="15.75" customHeight="1" x14ac:dyDescent="0.2">
      <c r="A70" s="5"/>
      <c r="B70" s="6" t="s">
        <v>73</v>
      </c>
      <c r="C70" s="7">
        <v>9798</v>
      </c>
      <c r="D70" s="8">
        <v>146</v>
      </c>
      <c r="E70" s="19">
        <v>9944</v>
      </c>
      <c r="F70" s="22">
        <v>1.47</v>
      </c>
      <c r="G70" s="8">
        <v>0</v>
      </c>
      <c r="H70" s="9">
        <v>9944</v>
      </c>
    </row>
    <row r="71" spans="1:8" ht="15.75" customHeight="1" x14ac:dyDescent="0.2">
      <c r="A71" s="30" t="s">
        <v>74</v>
      </c>
      <c r="B71" s="31"/>
      <c r="C71" s="7">
        <v>15259</v>
      </c>
      <c r="D71" s="8">
        <v>180</v>
      </c>
      <c r="E71" s="19">
        <v>15439</v>
      </c>
      <c r="F71" s="22">
        <v>1.17</v>
      </c>
      <c r="G71" s="8">
        <v>0</v>
      </c>
      <c r="H71" s="9">
        <v>15439</v>
      </c>
    </row>
    <row r="72" spans="1:8" ht="15.75" customHeight="1" x14ac:dyDescent="0.2">
      <c r="A72" s="5"/>
      <c r="B72" s="6" t="s">
        <v>75</v>
      </c>
      <c r="C72" s="7">
        <v>13990</v>
      </c>
      <c r="D72" s="8">
        <v>165</v>
      </c>
      <c r="E72" s="19">
        <v>14155</v>
      </c>
      <c r="F72" s="22">
        <v>1.17</v>
      </c>
      <c r="G72" s="8">
        <v>0</v>
      </c>
      <c r="H72" s="9">
        <v>14155</v>
      </c>
    </row>
    <row r="73" spans="1:8" ht="15.75" customHeight="1" thickBot="1" x14ac:dyDescent="0.25">
      <c r="A73" s="10"/>
      <c r="B73" s="11" t="s">
        <v>76</v>
      </c>
      <c r="C73" s="12">
        <v>1269</v>
      </c>
      <c r="D73" s="13">
        <v>15</v>
      </c>
      <c r="E73" s="20">
        <v>1284</v>
      </c>
      <c r="F73" s="23">
        <v>1.17</v>
      </c>
      <c r="G73" s="13">
        <v>0</v>
      </c>
      <c r="H73" s="14">
        <v>1284</v>
      </c>
    </row>
    <row r="74" spans="1:8" ht="15.75" customHeight="1" thickTop="1" x14ac:dyDescent="0.2">
      <c r="A74" s="30" t="s">
        <v>77</v>
      </c>
      <c r="B74" s="31"/>
      <c r="C74" s="7">
        <v>2672479</v>
      </c>
      <c r="D74" s="8">
        <v>55928</v>
      </c>
      <c r="E74" s="19">
        <v>2728407</v>
      </c>
      <c r="F74" s="22">
        <v>2.0499999999999998</v>
      </c>
      <c r="G74" s="8">
        <v>765</v>
      </c>
      <c r="H74" s="9">
        <v>2729172</v>
      </c>
    </row>
    <row r="75" spans="1:8" ht="15.75" customHeight="1" x14ac:dyDescent="0.2">
      <c r="A75" s="30" t="s">
        <v>78</v>
      </c>
      <c r="B75" s="31"/>
      <c r="C75" s="7">
        <v>1267865</v>
      </c>
      <c r="D75" s="8">
        <v>25361</v>
      </c>
      <c r="E75" s="19">
        <v>1293226</v>
      </c>
      <c r="F75" s="22">
        <v>1.96</v>
      </c>
      <c r="G75" s="8">
        <v>292</v>
      </c>
      <c r="H75" s="9">
        <v>1293518</v>
      </c>
    </row>
    <row r="76" spans="1:8" ht="15.75" customHeight="1" x14ac:dyDescent="0.2">
      <c r="A76" s="30" t="s">
        <v>79</v>
      </c>
      <c r="B76" s="31"/>
      <c r="C76" s="7">
        <v>120610</v>
      </c>
      <c r="D76" s="8">
        <v>2309</v>
      </c>
      <c r="E76" s="19">
        <v>122919</v>
      </c>
      <c r="F76" s="22">
        <v>1.88</v>
      </c>
      <c r="G76" s="8">
        <v>10</v>
      </c>
      <c r="H76" s="9">
        <v>122929</v>
      </c>
    </row>
    <row r="77" spans="1:8" ht="15.75" customHeight="1" thickBot="1" x14ac:dyDescent="0.25">
      <c r="A77" s="41" t="s">
        <v>80</v>
      </c>
      <c r="B77" s="42"/>
      <c r="C77" s="15">
        <v>4060954</v>
      </c>
      <c r="D77" s="16">
        <v>83598</v>
      </c>
      <c r="E77" s="21">
        <v>4144552</v>
      </c>
      <c r="F77" s="24">
        <v>2.02</v>
      </c>
      <c r="G77" s="16">
        <v>1067</v>
      </c>
      <c r="H77" s="17">
        <v>4145619</v>
      </c>
    </row>
    <row r="79" spans="1:8" ht="15" customHeight="1" x14ac:dyDescent="0.2"/>
    <row r="80" spans="1:8" ht="15" customHeight="1" x14ac:dyDescent="0.2">
      <c r="A80" s="3"/>
      <c r="B80" s="3"/>
      <c r="C80" s="3"/>
      <c r="D80" s="3"/>
      <c r="E80" s="3"/>
      <c r="F80" s="3"/>
      <c r="G80" s="3"/>
      <c r="H80" s="3"/>
    </row>
  </sheetData>
  <mergeCells count="38">
    <mergeCell ref="D2:G2"/>
    <mergeCell ref="A77:B77"/>
    <mergeCell ref="A67:B67"/>
    <mergeCell ref="A71:B71"/>
    <mergeCell ref="A74:B74"/>
    <mergeCell ref="A75:B75"/>
    <mergeCell ref="A76:B76"/>
    <mergeCell ref="A53:B53"/>
    <mergeCell ref="A54:B54"/>
    <mergeCell ref="A56:B56"/>
    <mergeCell ref="A58:B58"/>
    <mergeCell ref="A61:B61"/>
    <mergeCell ref="A48:B48"/>
    <mergeCell ref="A49:B49"/>
    <mergeCell ref="A50:B50"/>
    <mergeCell ref="A51:B51"/>
    <mergeCell ref="A52:B52"/>
    <mergeCell ref="A43:B43"/>
    <mergeCell ref="A44:B44"/>
    <mergeCell ref="A45:B45"/>
    <mergeCell ref="A46:B46"/>
    <mergeCell ref="A47:B47"/>
    <mergeCell ref="A38:B38"/>
    <mergeCell ref="A39:B39"/>
    <mergeCell ref="A40:B40"/>
    <mergeCell ref="A41:B41"/>
    <mergeCell ref="A42:B42"/>
    <mergeCell ref="H5:H6"/>
    <mergeCell ref="G5:G6"/>
    <mergeCell ref="C5:C6"/>
    <mergeCell ref="D5:D6"/>
    <mergeCell ref="E5:E6"/>
    <mergeCell ref="F5:F6"/>
    <mergeCell ref="A4:B4"/>
    <mergeCell ref="A5:B6"/>
    <mergeCell ref="A7:B7"/>
    <mergeCell ref="A26:B26"/>
    <mergeCell ref="A34:B34"/>
  </mergeCells>
  <phoneticPr fontId="2"/>
  <printOptions horizontalCentered="1"/>
  <pageMargins left="0.39370078740157483" right="0.39370078740157483" top="0.59055118110236227" bottom="0.59055118110236227" header="0.19685039370078741" footer="0.19685039370078741"/>
  <pageSetup paperSize="9" scale="99" fitToHeight="0" orientation="landscape" r:id="rId1"/>
  <headerFooter alignWithMargins="0">
    <oddFooter xml:space="preserve">&amp;C&amp;"IPAmj明朝,標準"&amp;9
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投票総数</vt:lpstr>
      <vt:lpstr>投票総数!Print_Area</vt:lpstr>
      <vt:lpstr>投票総数!Print_Titles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6-02-02T03:17:49Z</cp:lastPrinted>
  <dcterms:created xsi:type="dcterms:W3CDTF">2023-04-17T21:08:26Z</dcterms:created>
  <dcterms:modified xsi:type="dcterms:W3CDTF">2026-02-08T18:10:34Z</dcterms:modified>
</cp:coreProperties>
</file>